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7CF9CFA9-C603-4FAB-9A82-B6134F23C833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71" uniqueCount="52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เชียงใหม่</t>
  </si>
  <si>
    <t>นราธิวาส</t>
  </si>
  <si>
    <t>ชุมชนดีมีรอยยิ้มแหลมสิงห์</t>
  </si>
  <si>
    <t>ชุมชนดีมีรอยยิ้มเมืองปัตตานี</t>
  </si>
  <si>
    <t>ชุมชนดีมีรอยยิ้มแม่แจ่ม</t>
  </si>
  <si>
    <t>ชุมชนดีมีรอยยิ้มยี่งอ จังหวัดนราธิวาส</t>
  </si>
  <si>
    <t xml:space="preserve">ชุมชนดีมีรอยยิ้มยี่งอ </t>
  </si>
  <si>
    <t>ชุมชนดีมีรอยยิ้มควนขนุน</t>
  </si>
  <si>
    <t>นางสาวจิรยา ประพรต</t>
  </si>
  <si>
    <t xml:space="preserve"> 191 หมู่ 8 ตำบลพนางตุง อำเภอควนขนุน จังหวัดพัทลุง</t>
  </si>
  <si>
    <t>จันทบุรี</t>
  </si>
  <si>
    <t>ปัตตานี</t>
  </si>
  <si>
    <t>พัทลุง</t>
  </si>
  <si>
    <t>063-669-5396</t>
  </si>
  <si>
    <t xml:space="preserve"> 082-827-1267 </t>
  </si>
  <si>
    <t xml:space="preserve">087-633-3352 </t>
  </si>
  <si>
    <t>095-438-7956</t>
  </si>
  <si>
    <t>0636695396</t>
  </si>
  <si>
    <t>0828271267</t>
  </si>
  <si>
    <t>0884021685</t>
  </si>
  <si>
    <t>บางสระเก้า จ้าวประมงน้ำตื้น</t>
  </si>
  <si>
    <t>แจ่มดี : Chaem D</t>
  </si>
  <si>
    <t>ชุมชนดีมีรอยยิ้มยี่งอ</t>
  </si>
  <si>
    <t>the_ey@hotmail.com</t>
  </si>
  <si>
    <t>a.khamkaew2@gmail.com</t>
  </si>
  <si>
    <t xml:space="preserve">30/3 หมู่ 5 ตำบลบางสระเก้า อำเภอแหลมสิงห์ จังหวัดจันทบุรี </t>
  </si>
  <si>
    <t>คุณสุรีนา เจาะสะมาแอ</t>
  </si>
  <si>
    <t xml:space="preserve">78/10 หมู่ 2 ตำบาราโหม อำเภอเมือง จังหวัดปัตตานี </t>
  </si>
  <si>
    <t>นางสาวมัลลิกา มณีผ่อง</t>
  </si>
  <si>
    <t xml:space="preserve">46/1 ม.4 ตำบลช่างเคิ่ง อำเภอแม่แจ่ม จังหวัดเชียงใหม่ </t>
  </si>
  <si>
    <t xml:space="preserve">  088-402-1685   </t>
  </si>
  <si>
    <t>นางสาววาฟา มะซอ</t>
  </si>
  <si>
    <t xml:space="preserve">6/2 หมู่ที่ 3 ตำบลลุโบะบือซา อำเภอยี่งอ จังหวัดนราธิวาส </t>
  </si>
  <si>
    <t xml:space="preserve"> 087-633-3352   </t>
  </si>
  <si>
    <t xml:space="preserve">087-633-3352   </t>
  </si>
  <si>
    <t>ชุมชนดีมีรอยยิ้มแม่แจ่ม จังหวัดเชียงใหม่</t>
  </si>
  <si>
    <t xml:space="preserve">6/2 หมู่ 3 ตำบลลุโบะบือซา อำเภอยี่งอ จังหวัดนราธิวาส </t>
  </si>
  <si>
    <t>นายอานนท์ ขำแก้ว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>
    <font>
      <sz val="10"/>
      <color indexed="8"/>
      <name val="Helvetica Neue"/>
    </font>
    <font>
      <sz val="12"/>
      <color indexed="8"/>
      <name val="Helvetica Neue"/>
    </font>
    <font>
      <b/>
      <sz val="12"/>
      <color indexed="8"/>
      <name val="Helvetica Neue"/>
    </font>
    <font>
      <sz val="12"/>
      <name val="Helvetica Neue"/>
      <scheme val="major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15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2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5" xfId="0" applyNumberFormat="1" applyFont="1" applyFill="1" applyBorder="1" applyAlignment="1">
      <alignment vertical="center"/>
    </xf>
    <xf numFmtId="0" fontId="3" fillId="5" borderId="5" xfId="0" applyNumberFormat="1" applyFont="1" applyFill="1" applyBorder="1" applyAlignment="1">
      <alignment vertical="center"/>
    </xf>
    <xf numFmtId="0" fontId="3" fillId="5" borderId="5" xfId="0" applyNumberFormat="1" applyFont="1" applyFill="1" applyBorder="1" applyAlignment="1">
      <alignment vertical="center" wrapText="1"/>
    </xf>
    <xf numFmtId="0" fontId="3" fillId="5" borderId="5" xfId="0" quotePrefix="1" applyNumberFormat="1" applyFont="1" applyFill="1" applyBorder="1" applyAlignment="1">
      <alignment vertical="center"/>
    </xf>
    <xf numFmtId="2" fontId="3" fillId="5" borderId="5" xfId="0" applyNumberFormat="1" applyFont="1" applyFill="1" applyBorder="1" applyAlignment="1">
      <alignment vertical="center" wrapText="1"/>
    </xf>
    <xf numFmtId="0" fontId="3" fillId="4" borderId="5" xfId="0" quotePrefix="1" applyNumberFormat="1" applyFont="1" applyFill="1" applyBorder="1" applyAlignment="1">
      <alignment vertical="center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0"/>
  <sheetViews>
    <sheetView showGridLines="0" tabSelected="1" workbookViewId="0">
      <selection activeCell="A4" sqref="A4:XFD10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3" width="16.36328125" style="1" customWidth="1"/>
    <col min="4" max="4" width="46" style="1" customWidth="1"/>
    <col min="5" max="12" width="16.36328125" style="1" customWidth="1"/>
    <col min="13" max="16384" width="16.36328125" style="1"/>
  </cols>
  <sheetData>
    <row r="1" spans="1:11" ht="30.15" customHeight="1">
      <c r="A1" s="10" t="s">
        <v>0</v>
      </c>
      <c r="B1" s="11"/>
      <c r="C1" s="11"/>
      <c r="D1" s="11"/>
      <c r="E1" s="11"/>
      <c r="F1" s="11"/>
      <c r="G1" s="11"/>
      <c r="H1" s="11"/>
      <c r="I1" s="11"/>
      <c r="J1" s="11"/>
      <c r="K1" s="12"/>
    </row>
    <row r="2" spans="1:11" ht="22.25" customHeight="1">
      <c r="A2" s="13" t="s">
        <v>1</v>
      </c>
      <c r="B2" s="2" t="s">
        <v>2</v>
      </c>
      <c r="C2" s="13" t="s">
        <v>3</v>
      </c>
      <c r="D2" s="13" t="s">
        <v>4</v>
      </c>
      <c r="E2" s="13" t="s">
        <v>5</v>
      </c>
      <c r="F2" s="13" t="s">
        <v>6</v>
      </c>
      <c r="G2" s="13" t="s">
        <v>7</v>
      </c>
      <c r="H2" s="13" t="s">
        <v>8</v>
      </c>
      <c r="I2" s="13" t="s">
        <v>9</v>
      </c>
      <c r="J2" s="13" t="s">
        <v>10</v>
      </c>
      <c r="K2" s="13" t="s">
        <v>11</v>
      </c>
    </row>
    <row r="3" spans="1:11" ht="22.4" customHeight="1">
      <c r="A3" s="14"/>
      <c r="B3" s="3" t="s">
        <v>12</v>
      </c>
      <c r="C3" s="14"/>
      <c r="D3" s="14"/>
      <c r="E3" s="14"/>
      <c r="F3" s="14"/>
      <c r="G3" s="14"/>
      <c r="H3" s="14"/>
      <c r="I3" s="14"/>
      <c r="J3" s="14"/>
      <c r="K3" s="14"/>
    </row>
    <row r="4" spans="1:11" ht="19.899999999999999" customHeight="1">
      <c r="A4" s="4" t="s">
        <v>16</v>
      </c>
      <c r="B4" s="1" t="s">
        <v>13</v>
      </c>
      <c r="C4" s="5" t="s">
        <v>22</v>
      </c>
      <c r="D4" s="6" t="s">
        <v>39</v>
      </c>
      <c r="E4" s="5">
        <v>22190</v>
      </c>
      <c r="F4" s="6" t="s">
        <v>24</v>
      </c>
      <c r="G4" s="5" t="s">
        <v>27</v>
      </c>
      <c r="H4" s="7" t="s">
        <v>31</v>
      </c>
      <c r="I4" s="5" t="s">
        <v>34</v>
      </c>
      <c r="J4" s="5" t="s">
        <v>37</v>
      </c>
    </row>
    <row r="5" spans="1:11" ht="19.899999999999999" customHeight="1">
      <c r="A5" s="4" t="s">
        <v>17</v>
      </c>
      <c r="B5" s="1" t="s">
        <v>13</v>
      </c>
      <c r="C5" s="5" t="s">
        <v>40</v>
      </c>
      <c r="D5" s="6" t="s">
        <v>41</v>
      </c>
      <c r="E5" s="5">
        <v>94000</v>
      </c>
      <c r="F5" s="6" t="s">
        <v>25</v>
      </c>
      <c r="G5" s="5" t="s">
        <v>28</v>
      </c>
      <c r="H5" s="7" t="s">
        <v>32</v>
      </c>
      <c r="I5" s="5" t="s">
        <v>17</v>
      </c>
      <c r="J5" s="5"/>
    </row>
    <row r="6" spans="1:11" ht="19.899999999999999" customHeight="1">
      <c r="A6" s="4" t="s">
        <v>18</v>
      </c>
      <c r="B6" s="1" t="s">
        <v>13</v>
      </c>
      <c r="C6" s="5" t="s">
        <v>42</v>
      </c>
      <c r="D6" s="6" t="s">
        <v>43</v>
      </c>
      <c r="E6" s="5">
        <v>50270</v>
      </c>
      <c r="F6" s="6" t="s">
        <v>14</v>
      </c>
      <c r="G6" s="5" t="s">
        <v>44</v>
      </c>
      <c r="H6" s="7" t="s">
        <v>33</v>
      </c>
      <c r="I6" s="5" t="s">
        <v>35</v>
      </c>
      <c r="J6" s="5"/>
    </row>
    <row r="7" spans="1:11" ht="19.899999999999999" customHeight="1">
      <c r="A7" s="4" t="s">
        <v>19</v>
      </c>
      <c r="B7" s="1" t="s">
        <v>13</v>
      </c>
      <c r="C7" s="5" t="s">
        <v>45</v>
      </c>
      <c r="D7" s="6" t="s">
        <v>46</v>
      </c>
      <c r="E7" s="5">
        <v>96180</v>
      </c>
      <c r="F7" s="6" t="s">
        <v>15</v>
      </c>
      <c r="G7" s="8" t="s">
        <v>47</v>
      </c>
      <c r="H7" s="6" t="s">
        <v>48</v>
      </c>
      <c r="I7" s="5" t="s">
        <v>36</v>
      </c>
      <c r="J7" s="5"/>
    </row>
    <row r="8" spans="1:11" ht="19.899999999999999" customHeight="1">
      <c r="A8" s="4" t="s">
        <v>49</v>
      </c>
      <c r="B8" s="1" t="s">
        <v>13</v>
      </c>
      <c r="C8" s="5" t="s">
        <v>42</v>
      </c>
      <c r="D8" s="6" t="s">
        <v>43</v>
      </c>
      <c r="E8" s="5">
        <v>50270</v>
      </c>
      <c r="F8" s="6" t="s">
        <v>14</v>
      </c>
      <c r="G8" s="5" t="s">
        <v>44</v>
      </c>
      <c r="H8" s="5" t="s">
        <v>33</v>
      </c>
      <c r="I8" s="5" t="s">
        <v>35</v>
      </c>
      <c r="J8" s="5"/>
    </row>
    <row r="9" spans="1:11" ht="19.899999999999999" customHeight="1">
      <c r="A9" s="9" t="s">
        <v>20</v>
      </c>
      <c r="B9" s="1" t="s">
        <v>13</v>
      </c>
      <c r="C9" s="5" t="s">
        <v>45</v>
      </c>
      <c r="D9" s="6" t="s">
        <v>50</v>
      </c>
      <c r="E9" s="5">
        <v>96110</v>
      </c>
      <c r="F9" s="6" t="s">
        <v>15</v>
      </c>
      <c r="G9" s="5" t="s">
        <v>29</v>
      </c>
      <c r="H9" s="5" t="s">
        <v>29</v>
      </c>
      <c r="I9" s="7" t="s">
        <v>20</v>
      </c>
      <c r="J9" s="5"/>
    </row>
    <row r="10" spans="1:11" ht="19.899999999999999" customHeight="1">
      <c r="A10" s="9" t="s">
        <v>21</v>
      </c>
      <c r="B10" s="1" t="s">
        <v>13</v>
      </c>
      <c r="C10" s="5" t="s">
        <v>51</v>
      </c>
      <c r="D10" s="6" t="s">
        <v>23</v>
      </c>
      <c r="E10" s="5">
        <v>93150</v>
      </c>
      <c r="F10" s="6" t="s">
        <v>26</v>
      </c>
      <c r="G10" s="5" t="s">
        <v>30</v>
      </c>
      <c r="H10" s="5" t="s">
        <v>30</v>
      </c>
      <c r="I10" s="7" t="s">
        <v>21</v>
      </c>
      <c r="J10" s="5" t="s">
        <v>38</v>
      </c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31:36Z</dcterms:modified>
</cp:coreProperties>
</file>